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6" rupBuild="14420"/>
  <workbookPr/>
  <mc:AlternateContent xmlns:mc="http://schemas.openxmlformats.org/markup-compatibility/2006">
    <mc:Choice Requires="x15">
      <x15ac:absPath xmlns:x15ac="http://schemas.microsoft.com/office/spreadsheetml/2010/11/ac" url="\\storage\v\vcl03\PATH\DATA\Pathologen\LindseyLoesMichael\Rosai poliepen LVE LIO\"/>
    </mc:Choice>
  </mc:AlternateContent>
  <bookViews>
    <workbookView xWindow="2660" yWindow="2660" windowWidth="28800" windowHeight="15460"/>
  </bookViews>
  <sheets>
    <sheet name="Sheet1" sheetId="1" r:id="rId1"/>
    <sheet name="Sheet2" sheetId="3" r:id="rId2"/>
  </sheets>
  <definedNames>
    <definedName name="_xlnm._FilterDatabase" localSheetId="0" hidden="1">Sheet1!$A$1:$K$49</definedName>
    <definedName name="_xlnm.Print_Area" localSheetId="0">Sheet1!$A$1:$G$49</definedName>
    <definedName name="_xlnm.Print_Titles" localSheetId="0">Sheet1!$1:$1</definedName>
  </definedNames>
  <calcPr calcId="162913"/>
  <extLst>
    <ext xmlns:x15="http://schemas.microsoft.com/office/spreadsheetml/2010/11/main" uri="{140A7094-0E35-4892-8432-C4D2E57EDEB5}">
      <x15:workbookPr chartTrackingRefBase="1"/>
    </ext>
  </extLst>
</workbook>
</file>

<file path=xl/sharedStrings.xml><?xml version="1.0" encoding="utf-8"?>
<sst xmlns="http://schemas.openxmlformats.org/spreadsheetml/2006/main" count="245" uniqueCount="181">
  <si>
    <t>PA-nr</t>
  </si>
  <si>
    <t>diagnose</t>
  </si>
  <si>
    <t>jaar</t>
  </si>
  <si>
    <t>orgaan</t>
  </si>
  <si>
    <t>maag</t>
  </si>
  <si>
    <t>peutz-jeghers poliep</t>
  </si>
  <si>
    <t>pyloric gland adenoom met LGD</t>
  </si>
  <si>
    <t>villeus adenoom met LGD</t>
  </si>
  <si>
    <t>duodenum</t>
  </si>
  <si>
    <t>xanthoom</t>
  </si>
  <si>
    <t>colon</t>
  </si>
  <si>
    <t>peutz-jeghers poliepen</t>
  </si>
  <si>
    <t>TSA met LGD en HGD</t>
  </si>
  <si>
    <t>TVA met LGD</t>
  </si>
  <si>
    <t>TSA met LGD</t>
  </si>
  <si>
    <t>ontsteking</t>
  </si>
  <si>
    <t>juveniele poliep</t>
  </si>
  <si>
    <t>ectopisch maag</t>
  </si>
  <si>
    <t>TA met beeld verdacht voor adenocarcinoom</t>
  </si>
  <si>
    <t>mucosale prolaps</t>
  </si>
  <si>
    <t>fundic gland poliepen</t>
  </si>
  <si>
    <t>ontstekingspoliep</t>
  </si>
  <si>
    <t>TA met LGD (subtiel)</t>
  </si>
  <si>
    <t>hamartomateuze poliep</t>
  </si>
  <si>
    <t>hamartomateuze poliep/prolaps</t>
  </si>
  <si>
    <t>intramucosaal adenocarcinoom (gastrojejunostomie)</t>
  </si>
  <si>
    <t>klinische gegevens</t>
  </si>
  <si>
    <t>EMR coecum</t>
  </si>
  <si>
    <t>poliepectomie rectum</t>
  </si>
  <si>
    <t>M, 69j</t>
  </si>
  <si>
    <t>M, 56j</t>
  </si>
  <si>
    <t>F, 26j</t>
  </si>
  <si>
    <t>F, 60j</t>
  </si>
  <si>
    <t>excisie jejunum</t>
  </si>
  <si>
    <t>M, 67j</t>
  </si>
  <si>
    <t>biopt sessiele poliep maag corpus</t>
  </si>
  <si>
    <t>M, 78j</t>
  </si>
  <si>
    <t>excisie gesteelde poliep duodenum</t>
  </si>
  <si>
    <t>M, 75j</t>
  </si>
  <si>
    <t>poliepectomie sessiele poliep rectum</t>
  </si>
  <si>
    <t>F, 61j</t>
  </si>
  <si>
    <t>adenoom met LGD (FAP)</t>
  </si>
  <si>
    <t>biopten sessiele poliep maag antrum</t>
  </si>
  <si>
    <t>M, 79j</t>
  </si>
  <si>
    <t>biopten polypeus weefsel maag antrum (status na T1 early gastric cancer waarvoor ESD)</t>
  </si>
  <si>
    <t>M, 53j</t>
  </si>
  <si>
    <t>poliepectomie colon transversum</t>
  </si>
  <si>
    <t>M, 86j</t>
  </si>
  <si>
    <t>poliepectomie pouch (status na colectomie)</t>
  </si>
  <si>
    <t>TVA met LGD (FAP)</t>
  </si>
  <si>
    <t>M, 65j</t>
  </si>
  <si>
    <t>M, 71j</t>
  </si>
  <si>
    <t>EMR poliep maag antrum</t>
  </si>
  <si>
    <t>M, 64j</t>
  </si>
  <si>
    <t>EMR poliep maag corpus</t>
  </si>
  <si>
    <t>M, 50j</t>
  </si>
  <si>
    <t>en bloc resectie papil van Vater</t>
  </si>
  <si>
    <t>F, 66j</t>
  </si>
  <si>
    <t>poliepectomie maag corpus en antrum</t>
  </si>
  <si>
    <t>F, 59j</t>
  </si>
  <si>
    <t>M, 51j</t>
  </si>
  <si>
    <t>poliepectomie sigmoid</t>
  </si>
  <si>
    <t>F, 63j</t>
  </si>
  <si>
    <t>F, 67j</t>
  </si>
  <si>
    <t>poliepectomie ileocoecaalklep</t>
  </si>
  <si>
    <t>F, 5j</t>
  </si>
  <si>
    <t>poliepectomie colon ascendens 2x</t>
  </si>
  <si>
    <t>biopten poliep maag corpus</t>
  </si>
  <si>
    <t>M, 76j</t>
  </si>
  <si>
    <t>F, 36j</t>
  </si>
  <si>
    <t>F, 62j</t>
  </si>
  <si>
    <t>ESD poliep maag corpus</t>
  </si>
  <si>
    <t>M, 72j</t>
  </si>
  <si>
    <t>M, 68j</t>
  </si>
  <si>
    <t>ESD rectum</t>
  </si>
  <si>
    <t>M, 70j</t>
  </si>
  <si>
    <t>colon resectie</t>
  </si>
  <si>
    <t>F, 16j</t>
  </si>
  <si>
    <t>M, 82j</t>
  </si>
  <si>
    <t>excisie nodule op gastrojejunostomie</t>
  </si>
  <si>
    <t>EMR duodenum poliep</t>
  </si>
  <si>
    <t>poliepectomie colon ascendens</t>
  </si>
  <si>
    <t>biopten verhevenheid bulbus duodeni</t>
  </si>
  <si>
    <t>M, 31j</t>
  </si>
  <si>
    <t>resectie poliepeus slijmvlies jejenum</t>
  </si>
  <si>
    <t>ectopisch pancreas</t>
  </si>
  <si>
    <t>M, 1j</t>
  </si>
  <si>
    <t>excisie zwelling dunne darm</t>
  </si>
  <si>
    <t>M, 39j</t>
  </si>
  <si>
    <t>eFTR submucosale laesie maag antrum</t>
  </si>
  <si>
    <t>NET graad 2</t>
  </si>
  <si>
    <t>F, 55j</t>
  </si>
  <si>
    <t>biopten sessiele poliep maagantrum</t>
  </si>
  <si>
    <t xml:space="preserve">NET graad 2 (L-cell type) </t>
  </si>
  <si>
    <t>NET graad 1 (ikv AIG)</t>
  </si>
  <si>
    <t>biopten sessiele poliep maagcorpus</t>
  </si>
  <si>
    <t>M, 48j</t>
  </si>
  <si>
    <t>inflammatory fibroid polyp</t>
  </si>
  <si>
    <t>M, 74j</t>
  </si>
  <si>
    <t>resectie poliep terminale ileum</t>
  </si>
  <si>
    <t>F, 76j</t>
  </si>
  <si>
    <t>ESD LST rectum</t>
  </si>
  <si>
    <t>TVA met LGD en squamous morules</t>
  </si>
  <si>
    <t>juveniele poliepen bij SMAD4 mutatie</t>
  </si>
  <si>
    <t>maagresectie met mulitpele poliepen</t>
  </si>
  <si>
    <t>arterioveneuze malformatie</t>
  </si>
  <si>
    <t>V, 51j</t>
  </si>
  <si>
    <t>gesteelde poliep sigmoid 7 mm</t>
  </si>
  <si>
    <t>dunne darm pouch</t>
  </si>
  <si>
    <t>poliepectomie flex hep</t>
  </si>
  <si>
    <t>10u</t>
  </si>
  <si>
    <t>11u</t>
  </si>
  <si>
    <t>12u</t>
  </si>
  <si>
    <t>13u</t>
  </si>
  <si>
    <t>14u</t>
  </si>
  <si>
    <t>25u</t>
  </si>
  <si>
    <t>15u</t>
  </si>
  <si>
    <t>20u</t>
  </si>
  <si>
    <t>21u</t>
  </si>
  <si>
    <t>27u</t>
  </si>
  <si>
    <t>22u</t>
  </si>
  <si>
    <t>23u</t>
  </si>
  <si>
    <t>29u</t>
  </si>
  <si>
    <t>28u</t>
  </si>
  <si>
    <t>24u</t>
  </si>
  <si>
    <t>26u</t>
  </si>
  <si>
    <t>01u</t>
  </si>
  <si>
    <t>02u</t>
  </si>
  <si>
    <t>03u</t>
  </si>
  <si>
    <t>04u</t>
  </si>
  <si>
    <t>05u</t>
  </si>
  <si>
    <t>06u</t>
  </si>
  <si>
    <t>07u</t>
  </si>
  <si>
    <t>08u</t>
  </si>
  <si>
    <t>09u</t>
  </si>
  <si>
    <t>maag biopt</t>
  </si>
  <si>
    <t>01c</t>
  </si>
  <si>
    <t>02c</t>
  </si>
  <si>
    <t>03c</t>
  </si>
  <si>
    <t>04c</t>
  </si>
  <si>
    <t>05c</t>
  </si>
  <si>
    <t>06c</t>
  </si>
  <si>
    <t>07c</t>
  </si>
  <si>
    <t>08c</t>
  </si>
  <si>
    <t>09c</t>
  </si>
  <si>
    <t>10c</t>
  </si>
  <si>
    <t>11c</t>
  </si>
  <si>
    <t>12c</t>
  </si>
  <si>
    <t>14c</t>
  </si>
  <si>
    <t>13c</t>
  </si>
  <si>
    <t>15c</t>
  </si>
  <si>
    <t>16c</t>
  </si>
  <si>
    <t>17c</t>
  </si>
  <si>
    <t>18c</t>
  </si>
  <si>
    <t>19c</t>
  </si>
  <si>
    <t>20c</t>
  </si>
  <si>
    <t>21c</t>
  </si>
  <si>
    <t>22c</t>
  </si>
  <si>
    <t>ontstekingspoliep II</t>
  </si>
  <si>
    <t>TSA met LGD III</t>
  </si>
  <si>
    <t>TA met LGD IV</t>
  </si>
  <si>
    <t>SSL met dysplasie I</t>
  </si>
  <si>
    <t>SSL zonder dysplasie II</t>
  </si>
  <si>
    <t>poliepectomie colon ascendens (II)</t>
  </si>
  <si>
    <t xml:space="preserve"> transversum (III) </t>
  </si>
  <si>
    <t xml:space="preserve"> sigmoid (IV)</t>
  </si>
  <si>
    <t xml:space="preserve">poliepectomie colon ascendens (I) </t>
  </si>
  <si>
    <t>terminale ileum (II)</t>
  </si>
  <si>
    <t>23c</t>
  </si>
  <si>
    <t>HP</t>
  </si>
  <si>
    <t>M, 10j</t>
  </si>
  <si>
    <t>TVA LGD</t>
  </si>
  <si>
    <t>hyperplastische poliep met gastrische metaplasie</t>
  </si>
  <si>
    <t xml:space="preserve">colon </t>
  </si>
  <si>
    <t>jejunum</t>
  </si>
  <si>
    <t>terminale ileum</t>
  </si>
  <si>
    <t>ileocoecaalklep</t>
  </si>
  <si>
    <t>hyperplastische poliep met LGD en HGD, ook FGP bij FAP patient</t>
  </si>
  <si>
    <t>hyperplastische poliep geen dysplasie, meer inflammatoire poliep. Status na excisie inflammatoire fibroide poliep T19-1676, met PDGFRA mutatie</t>
  </si>
  <si>
    <t>ganglioneuroom en SSL/HP met perineuriale stromale proliferatie. PTEN hamartoom tumor syndroom!</t>
  </si>
  <si>
    <t>hyperplasie van zuurvormende cellen bij PPI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mc:Ignorable="x14ac x16r2">
  <fonts count="4" x14ac:knownFonts="1">
    <font>
      <sz val="11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color rgb="FFFF0000"/>
      <name val="Calibri"/>
      <family val="2"/>
      <scheme val="minor"/>
    </font>
    <font>
      <sz val="11"/>
      <name val="Calibri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0"/>
        <bgColor indexed="64"/>
      </patternFill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18">
    <xf numFmtId="0" fontId="0" fillId="0" borderId="0" xfId="0"/>
    <xf numFmtId="0" fontId="1" fillId="0" borderId="0" xfId="0" applyFont="1"/>
    <xf numFmtId="0" fontId="2" fillId="0" borderId="0" xfId="0" applyFont="1"/>
    <xf numFmtId="0" fontId="0" fillId="0" borderId="0" xfId="0" applyFont="1"/>
    <xf numFmtId="0" fontId="0" fillId="2" borderId="0" xfId="0" applyFill="1"/>
    <xf numFmtId="0" fontId="2" fillId="2" borderId="0" xfId="0" applyFont="1" applyFill="1"/>
    <xf numFmtId="0" fontId="1" fillId="0" borderId="0" xfId="0" applyFont="1" applyAlignment="1">
      <alignment wrapText="1"/>
    </xf>
    <xf numFmtId="0" fontId="0" fillId="0" borderId="0" xfId="0" applyAlignment="1">
      <alignment wrapText="1"/>
    </xf>
    <xf numFmtId="0" fontId="2" fillId="0" borderId="0" xfId="0" applyFont="1" applyAlignment="1">
      <alignment wrapText="1"/>
    </xf>
    <xf numFmtId="0" fontId="3" fillId="0" borderId="0" xfId="0" applyFont="1"/>
    <xf numFmtId="0" fontId="3" fillId="0" borderId="0" xfId="0" applyFont="1" applyAlignment="1">
      <alignment wrapText="1"/>
    </xf>
    <xf numFmtId="0" fontId="1" fillId="0" borderId="0" xfId="0" applyFont="1" applyFill="1" applyAlignment="1">
      <alignment horizontal="left"/>
    </xf>
    <xf numFmtId="0" fontId="3" fillId="0" borderId="0" xfId="0" applyFont="1" applyFill="1" applyAlignment="1">
      <alignment horizontal="left"/>
    </xf>
    <xf numFmtId="0" fontId="0" fillId="0" borderId="0" xfId="0" applyFill="1" applyAlignment="1">
      <alignment horizontal="left"/>
    </xf>
    <xf numFmtId="0" fontId="1" fillId="0" borderId="0" xfId="0" applyFont="1" applyAlignment="1">
      <alignment horizontal="left"/>
    </xf>
    <xf numFmtId="0" fontId="3" fillId="0" borderId="0" xfId="0" applyFont="1" applyAlignment="1">
      <alignment horizontal="left"/>
    </xf>
    <xf numFmtId="0" fontId="0" fillId="0" borderId="0" xfId="0" applyAlignment="1">
      <alignment horizontal="left"/>
    </xf>
    <xf numFmtId="0" fontId="0" fillId="0" borderId="0" xfId="0" applyFont="1" applyAlignment="1">
      <alignment horizontal="left"/>
    </xf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K50"/>
  <sheetViews>
    <sheetView tabSelected="1" workbookViewId="0">
      <selection activeCell="E49" sqref="E49"/>
    </sheetView>
  </sheetViews>
  <sheetFormatPr defaultRowHeight="14.5" x14ac:dyDescent="0.35"/>
  <cols>
    <col min="1" max="1" width="5.1796875" style="16" customWidth="1"/>
    <col min="2" max="2" width="5.81640625" style="16" customWidth="1"/>
    <col min="3" max="3" width="8.54296875" style="13" customWidth="1"/>
    <col min="4" max="4" width="18" customWidth="1"/>
    <col min="5" max="5" width="55.453125" style="7" customWidth="1"/>
    <col min="6" max="6" width="9.1796875" style="7"/>
    <col min="7" max="7" width="49" style="7" customWidth="1"/>
  </cols>
  <sheetData>
    <row r="1" spans="1:11" s="1" customFormat="1" ht="20.25" customHeight="1" x14ac:dyDescent="0.35">
      <c r="A1" s="14"/>
      <c r="B1" s="14" t="s">
        <v>2</v>
      </c>
      <c r="C1" s="11" t="s">
        <v>0</v>
      </c>
      <c r="D1" s="1" t="s">
        <v>3</v>
      </c>
      <c r="E1" s="6" t="s">
        <v>1</v>
      </c>
      <c r="F1" s="6" t="s">
        <v>26</v>
      </c>
      <c r="G1" s="6"/>
    </row>
    <row r="2" spans="1:11" s="2" customFormat="1" x14ac:dyDescent="0.35">
      <c r="A2" s="16" t="s">
        <v>136</v>
      </c>
      <c r="B2" s="15">
        <v>2024</v>
      </c>
      <c r="C2" s="12">
        <v>883</v>
      </c>
      <c r="D2" s="9" t="s">
        <v>173</v>
      </c>
      <c r="E2" s="8" t="s">
        <v>13</v>
      </c>
      <c r="F2" s="10" t="s">
        <v>34</v>
      </c>
      <c r="G2" s="10" t="s">
        <v>28</v>
      </c>
      <c r="H2"/>
      <c r="I2"/>
      <c r="J2"/>
      <c r="K2"/>
    </row>
    <row r="3" spans="1:11" x14ac:dyDescent="0.35">
      <c r="A3" s="16" t="s">
        <v>137</v>
      </c>
      <c r="B3" s="15">
        <v>2023</v>
      </c>
      <c r="C3" s="12">
        <v>10107</v>
      </c>
      <c r="D3" s="9" t="s">
        <v>173</v>
      </c>
      <c r="E3" s="8" t="s">
        <v>7</v>
      </c>
      <c r="F3" s="10" t="s">
        <v>73</v>
      </c>
      <c r="G3" s="10" t="s">
        <v>74</v>
      </c>
    </row>
    <row r="4" spans="1:11" x14ac:dyDescent="0.35">
      <c r="A4" s="16" t="s">
        <v>138</v>
      </c>
      <c r="B4" s="15">
        <v>2023</v>
      </c>
      <c r="C4" s="12">
        <v>25798</v>
      </c>
      <c r="D4" s="9" t="s">
        <v>10</v>
      </c>
      <c r="E4" s="8" t="s">
        <v>18</v>
      </c>
      <c r="F4" s="10" t="s">
        <v>63</v>
      </c>
      <c r="G4" s="10" t="s">
        <v>61</v>
      </c>
    </row>
    <row r="5" spans="1:11" s="2" customFormat="1" x14ac:dyDescent="0.35">
      <c r="A5" s="16" t="s">
        <v>139</v>
      </c>
      <c r="B5" s="15">
        <v>2023</v>
      </c>
      <c r="C5" s="12">
        <v>25882</v>
      </c>
      <c r="D5" s="9" t="s">
        <v>10</v>
      </c>
      <c r="E5" s="8" t="s">
        <v>13</v>
      </c>
      <c r="F5" s="10" t="s">
        <v>62</v>
      </c>
      <c r="G5" s="10" t="s">
        <v>61</v>
      </c>
      <c r="H5" s="3"/>
      <c r="I5" s="3"/>
      <c r="J5" s="3"/>
      <c r="K5" s="3"/>
    </row>
    <row r="6" spans="1:11" x14ac:dyDescent="0.35">
      <c r="A6" s="16" t="s">
        <v>140</v>
      </c>
      <c r="B6" s="15">
        <v>2023</v>
      </c>
      <c r="C6" s="12">
        <v>23960</v>
      </c>
      <c r="D6" s="9" t="s">
        <v>10</v>
      </c>
      <c r="E6" s="8" t="s">
        <v>14</v>
      </c>
      <c r="F6" s="10" t="s">
        <v>30</v>
      </c>
      <c r="G6" s="10" t="s">
        <v>27</v>
      </c>
    </row>
    <row r="7" spans="1:11" s="3" customFormat="1" x14ac:dyDescent="0.35">
      <c r="A7" s="16" t="s">
        <v>141</v>
      </c>
      <c r="B7" s="15">
        <v>2024</v>
      </c>
      <c r="C7" s="12">
        <v>3325</v>
      </c>
      <c r="D7" s="9" t="s">
        <v>10</v>
      </c>
      <c r="E7" s="8" t="s">
        <v>171</v>
      </c>
      <c r="F7" s="10" t="s">
        <v>72</v>
      </c>
      <c r="G7" s="10" t="s">
        <v>109</v>
      </c>
      <c r="H7"/>
      <c r="I7"/>
      <c r="J7"/>
      <c r="K7"/>
    </row>
    <row r="8" spans="1:11" ht="29" x14ac:dyDescent="0.35">
      <c r="A8" s="16" t="s">
        <v>142</v>
      </c>
      <c r="B8" s="15">
        <v>2023</v>
      </c>
      <c r="C8" s="12">
        <v>7500</v>
      </c>
      <c r="D8" s="9" t="s">
        <v>10</v>
      </c>
      <c r="E8" s="8" t="s">
        <v>179</v>
      </c>
      <c r="F8" s="10" t="s">
        <v>45</v>
      </c>
      <c r="G8" s="10" t="s">
        <v>46</v>
      </c>
    </row>
    <row r="9" spans="1:11" x14ac:dyDescent="0.35">
      <c r="A9" s="16" t="s">
        <v>143</v>
      </c>
      <c r="B9" s="15">
        <v>2023</v>
      </c>
      <c r="C9" s="12">
        <v>72</v>
      </c>
      <c r="D9" s="9" t="s">
        <v>10</v>
      </c>
      <c r="E9" s="8" t="s">
        <v>158</v>
      </c>
      <c r="F9" s="10" t="s">
        <v>47</v>
      </c>
      <c r="G9" s="10" t="s">
        <v>163</v>
      </c>
      <c r="H9" s="2"/>
      <c r="I9" s="2"/>
      <c r="J9" s="2"/>
      <c r="K9" s="2"/>
    </row>
    <row r="10" spans="1:11" x14ac:dyDescent="0.35">
      <c r="A10" s="16" t="s">
        <v>144</v>
      </c>
      <c r="B10" s="15">
        <v>2023</v>
      </c>
      <c r="C10" s="12">
        <v>72</v>
      </c>
      <c r="D10" s="9" t="s">
        <v>10</v>
      </c>
      <c r="E10" s="8" t="s">
        <v>159</v>
      </c>
      <c r="F10" s="10" t="s">
        <v>47</v>
      </c>
      <c r="G10" s="10" t="s">
        <v>164</v>
      </c>
      <c r="H10" s="2"/>
      <c r="I10" s="2"/>
      <c r="J10" s="2"/>
      <c r="K10" s="2"/>
    </row>
    <row r="11" spans="1:11" x14ac:dyDescent="0.35">
      <c r="A11" s="16" t="s">
        <v>145</v>
      </c>
      <c r="B11" s="15">
        <v>2023</v>
      </c>
      <c r="C11" s="12">
        <v>72</v>
      </c>
      <c r="D11" s="9" t="s">
        <v>10</v>
      </c>
      <c r="E11" s="8" t="s">
        <v>160</v>
      </c>
      <c r="F11" s="10" t="s">
        <v>47</v>
      </c>
      <c r="G11" s="10" t="s">
        <v>165</v>
      </c>
      <c r="H11" s="2"/>
      <c r="I11" s="2"/>
      <c r="J11" s="2"/>
      <c r="K11" s="2"/>
    </row>
    <row r="12" spans="1:11" x14ac:dyDescent="0.35">
      <c r="A12" s="16" t="s">
        <v>146</v>
      </c>
      <c r="B12" s="15">
        <v>2023</v>
      </c>
      <c r="C12" s="12">
        <v>17816</v>
      </c>
      <c r="D12" s="9" t="s">
        <v>10</v>
      </c>
      <c r="E12" s="8" t="s">
        <v>161</v>
      </c>
      <c r="F12" s="10" t="s">
        <v>40</v>
      </c>
      <c r="G12" s="10" t="s">
        <v>66</v>
      </c>
      <c r="I12" s="4"/>
    </row>
    <row r="13" spans="1:11" x14ac:dyDescent="0.35">
      <c r="A13" s="16" t="s">
        <v>147</v>
      </c>
      <c r="B13" s="15">
        <v>2023</v>
      </c>
      <c r="C13" s="12">
        <v>17816</v>
      </c>
      <c r="D13" s="9" t="s">
        <v>10</v>
      </c>
      <c r="E13" s="8" t="s">
        <v>162</v>
      </c>
      <c r="F13" s="10" t="s">
        <v>40</v>
      </c>
      <c r="G13" s="10" t="s">
        <v>66</v>
      </c>
      <c r="I13" s="4"/>
    </row>
    <row r="14" spans="1:11" s="2" customFormat="1" x14ac:dyDescent="0.35">
      <c r="A14" s="16" t="s">
        <v>149</v>
      </c>
      <c r="B14" s="15">
        <v>2023</v>
      </c>
      <c r="C14" s="12">
        <v>24720</v>
      </c>
      <c r="D14" s="9" t="s">
        <v>10</v>
      </c>
      <c r="E14" s="8" t="s">
        <v>24</v>
      </c>
      <c r="F14" s="10" t="s">
        <v>75</v>
      </c>
      <c r="G14" s="10" t="s">
        <v>76</v>
      </c>
      <c r="H14"/>
      <c r="I14"/>
      <c r="J14"/>
      <c r="K14"/>
    </row>
    <row r="15" spans="1:11" x14ac:dyDescent="0.35">
      <c r="A15" s="16" t="s">
        <v>148</v>
      </c>
      <c r="B15" s="15">
        <v>2023</v>
      </c>
      <c r="C15" s="12">
        <v>24896</v>
      </c>
      <c r="D15" s="9" t="s">
        <v>10</v>
      </c>
      <c r="E15" s="8" t="s">
        <v>16</v>
      </c>
      <c r="F15" s="10" t="s">
        <v>77</v>
      </c>
      <c r="G15" s="10" t="s">
        <v>81</v>
      </c>
    </row>
    <row r="16" spans="1:11" s="3" customFormat="1" x14ac:dyDescent="0.35">
      <c r="A16" s="16" t="s">
        <v>150</v>
      </c>
      <c r="B16" s="15">
        <v>2023</v>
      </c>
      <c r="C16" s="12">
        <v>26048</v>
      </c>
      <c r="D16" s="9" t="s">
        <v>10</v>
      </c>
      <c r="E16" s="8" t="s">
        <v>19</v>
      </c>
      <c r="F16" s="10" t="s">
        <v>60</v>
      </c>
      <c r="G16" s="10" t="s">
        <v>61</v>
      </c>
      <c r="H16"/>
      <c r="I16"/>
      <c r="J16"/>
      <c r="K16"/>
    </row>
    <row r="17" spans="1:11" x14ac:dyDescent="0.35">
      <c r="A17" s="16" t="s">
        <v>151</v>
      </c>
      <c r="B17" s="15">
        <v>2022</v>
      </c>
      <c r="C17" s="12">
        <v>24017</v>
      </c>
      <c r="D17" s="9" t="s">
        <v>10</v>
      </c>
      <c r="E17" s="8" t="s">
        <v>93</v>
      </c>
      <c r="F17" s="10" t="s">
        <v>29</v>
      </c>
      <c r="G17" s="10" t="s">
        <v>28</v>
      </c>
    </row>
    <row r="18" spans="1:11" x14ac:dyDescent="0.35">
      <c r="A18" s="16" t="s">
        <v>152</v>
      </c>
      <c r="B18" s="15">
        <v>2024</v>
      </c>
      <c r="C18" s="12">
        <v>7730</v>
      </c>
      <c r="D18" s="9" t="s">
        <v>173</v>
      </c>
      <c r="E18" s="8" t="s">
        <v>105</v>
      </c>
      <c r="F18" s="10" t="s">
        <v>106</v>
      </c>
      <c r="G18" s="10" t="s">
        <v>107</v>
      </c>
    </row>
    <row r="19" spans="1:11" s="2" customFormat="1" x14ac:dyDescent="0.35">
      <c r="A19" s="16" t="s">
        <v>153</v>
      </c>
      <c r="B19" s="15">
        <v>2023</v>
      </c>
      <c r="C19" s="12">
        <v>26424</v>
      </c>
      <c r="D19" s="9" t="s">
        <v>10</v>
      </c>
      <c r="E19" s="8" t="s">
        <v>161</v>
      </c>
      <c r="F19" s="10" t="s">
        <v>59</v>
      </c>
      <c r="G19" s="10" t="s">
        <v>166</v>
      </c>
      <c r="H19"/>
      <c r="I19"/>
      <c r="J19"/>
      <c r="K19" s="4"/>
    </row>
    <row r="20" spans="1:11" s="2" customFormat="1" x14ac:dyDescent="0.35">
      <c r="A20" s="16" t="s">
        <v>154</v>
      </c>
      <c r="B20" s="15">
        <v>2023</v>
      </c>
      <c r="C20" s="12">
        <v>26424</v>
      </c>
      <c r="D20" s="9" t="s">
        <v>10</v>
      </c>
      <c r="E20" s="8" t="s">
        <v>162</v>
      </c>
      <c r="F20" s="10" t="s">
        <v>59</v>
      </c>
      <c r="G20" s="10" t="s">
        <v>167</v>
      </c>
      <c r="H20"/>
      <c r="I20"/>
      <c r="J20"/>
      <c r="K20" s="4"/>
    </row>
    <row r="21" spans="1:11" x14ac:dyDescent="0.35">
      <c r="A21" s="16" t="s">
        <v>155</v>
      </c>
      <c r="B21" s="15">
        <v>2023</v>
      </c>
      <c r="C21" s="12">
        <v>23434</v>
      </c>
      <c r="D21" s="9" t="s">
        <v>173</v>
      </c>
      <c r="E21" s="8" t="s">
        <v>16</v>
      </c>
      <c r="F21" s="10" t="s">
        <v>65</v>
      </c>
      <c r="G21" s="10" t="s">
        <v>28</v>
      </c>
    </row>
    <row r="22" spans="1:11" s="2" customFormat="1" x14ac:dyDescent="0.35">
      <c r="A22" s="16" t="s">
        <v>156</v>
      </c>
      <c r="B22" s="15">
        <v>2024</v>
      </c>
      <c r="C22" s="12">
        <v>678</v>
      </c>
      <c r="D22" s="9" t="s">
        <v>10</v>
      </c>
      <c r="E22" s="8" t="s">
        <v>22</v>
      </c>
      <c r="F22" s="10" t="s">
        <v>38</v>
      </c>
      <c r="G22" s="10" t="s">
        <v>39</v>
      </c>
      <c r="H22"/>
      <c r="I22"/>
      <c r="J22"/>
      <c r="K22"/>
    </row>
    <row r="23" spans="1:11" x14ac:dyDescent="0.35">
      <c r="A23" s="16" t="s">
        <v>157</v>
      </c>
      <c r="B23" s="15">
        <v>2024</v>
      </c>
      <c r="C23" s="12">
        <v>3641</v>
      </c>
      <c r="D23" s="9" t="s">
        <v>10</v>
      </c>
      <c r="E23" s="8" t="s">
        <v>102</v>
      </c>
      <c r="F23" s="10" t="s">
        <v>100</v>
      </c>
      <c r="G23" s="10" t="s">
        <v>101</v>
      </c>
    </row>
    <row r="24" spans="1:11" x14ac:dyDescent="0.35">
      <c r="A24" s="16" t="s">
        <v>168</v>
      </c>
      <c r="B24" s="15">
        <v>2024</v>
      </c>
      <c r="C24" s="12">
        <v>7194</v>
      </c>
      <c r="D24" s="9" t="s">
        <v>10</v>
      </c>
      <c r="E24" s="8" t="s">
        <v>169</v>
      </c>
      <c r="F24" s="10" t="s">
        <v>170</v>
      </c>
      <c r="G24" s="10" t="s">
        <v>46</v>
      </c>
    </row>
    <row r="25" spans="1:11" x14ac:dyDescent="0.35">
      <c r="A25" s="16" t="s">
        <v>126</v>
      </c>
      <c r="B25" s="15">
        <v>2023</v>
      </c>
      <c r="C25" s="12">
        <v>26926</v>
      </c>
      <c r="D25" s="9" t="s">
        <v>4</v>
      </c>
      <c r="E25" s="8" t="s">
        <v>20</v>
      </c>
      <c r="F25" s="10" t="s">
        <v>57</v>
      </c>
      <c r="G25" s="10" t="s">
        <v>58</v>
      </c>
    </row>
    <row r="26" spans="1:11" x14ac:dyDescent="0.35">
      <c r="A26" s="16" t="s">
        <v>127</v>
      </c>
      <c r="B26" s="15">
        <v>2024</v>
      </c>
      <c r="C26" s="12">
        <v>9303</v>
      </c>
      <c r="D26" s="9" t="s">
        <v>4</v>
      </c>
      <c r="E26" s="8" t="s">
        <v>6</v>
      </c>
      <c r="F26" s="10" t="s">
        <v>34</v>
      </c>
      <c r="G26" s="10" t="s">
        <v>135</v>
      </c>
    </row>
    <row r="27" spans="1:11" x14ac:dyDescent="0.35">
      <c r="A27" s="16" t="s">
        <v>128</v>
      </c>
      <c r="B27" s="15">
        <v>2023</v>
      </c>
      <c r="C27" s="12">
        <v>27588</v>
      </c>
      <c r="D27" s="9" t="s">
        <v>4</v>
      </c>
      <c r="E27" s="8" t="s">
        <v>177</v>
      </c>
      <c r="F27" s="10" t="s">
        <v>53</v>
      </c>
      <c r="G27" s="10" t="s">
        <v>54</v>
      </c>
    </row>
    <row r="28" spans="1:11" x14ac:dyDescent="0.35">
      <c r="A28" s="16" t="s">
        <v>129</v>
      </c>
      <c r="B28" s="15">
        <v>2022</v>
      </c>
      <c r="C28" s="12">
        <v>27513</v>
      </c>
      <c r="D28" s="9" t="s">
        <v>4</v>
      </c>
      <c r="E28" s="8" t="s">
        <v>6</v>
      </c>
      <c r="F28" s="10" t="s">
        <v>70</v>
      </c>
      <c r="G28" s="10" t="s">
        <v>71</v>
      </c>
    </row>
    <row r="29" spans="1:11" x14ac:dyDescent="0.35">
      <c r="A29" s="16" t="s">
        <v>130</v>
      </c>
      <c r="B29" s="15">
        <v>2022</v>
      </c>
      <c r="C29" s="12">
        <v>26375</v>
      </c>
      <c r="D29" s="9" t="s">
        <v>4</v>
      </c>
      <c r="E29" s="8" t="s">
        <v>5</v>
      </c>
      <c r="F29" s="10" t="s">
        <v>69</v>
      </c>
      <c r="G29" s="10" t="s">
        <v>67</v>
      </c>
      <c r="H29" s="5"/>
      <c r="I29" s="2"/>
      <c r="J29" s="2"/>
      <c r="K29" s="2"/>
    </row>
    <row r="30" spans="1:11" x14ac:dyDescent="0.35">
      <c r="A30" s="16" t="s">
        <v>131</v>
      </c>
      <c r="B30" s="15">
        <v>2021</v>
      </c>
      <c r="C30" s="12">
        <v>23404</v>
      </c>
      <c r="D30" s="9" t="s">
        <v>4</v>
      </c>
      <c r="E30" s="8" t="s">
        <v>85</v>
      </c>
      <c r="F30" s="10" t="s">
        <v>88</v>
      </c>
      <c r="G30" s="10" t="s">
        <v>89</v>
      </c>
    </row>
    <row r="31" spans="1:11" x14ac:dyDescent="0.35">
      <c r="A31" s="16" t="s">
        <v>132</v>
      </c>
      <c r="B31" s="15">
        <v>2022</v>
      </c>
      <c r="C31" s="12">
        <v>18752</v>
      </c>
      <c r="D31" s="9" t="s">
        <v>4</v>
      </c>
      <c r="E31" s="8" t="s">
        <v>25</v>
      </c>
      <c r="F31" s="10" t="s">
        <v>78</v>
      </c>
      <c r="G31" s="10" t="s">
        <v>79</v>
      </c>
    </row>
    <row r="32" spans="1:11" ht="43.5" x14ac:dyDescent="0.35">
      <c r="A32" s="16" t="s">
        <v>133</v>
      </c>
      <c r="B32" s="15">
        <v>2023</v>
      </c>
      <c r="C32" s="12">
        <v>3041</v>
      </c>
      <c r="D32" s="9" t="s">
        <v>4</v>
      </c>
      <c r="E32" s="8" t="s">
        <v>178</v>
      </c>
      <c r="F32" s="10" t="s">
        <v>51</v>
      </c>
      <c r="G32" s="10" t="s">
        <v>52</v>
      </c>
      <c r="H32" s="2"/>
      <c r="I32" s="2"/>
      <c r="J32" s="2"/>
      <c r="K32" s="2"/>
    </row>
    <row r="33" spans="1:11" x14ac:dyDescent="0.35">
      <c r="A33" s="16" t="s">
        <v>134</v>
      </c>
      <c r="B33" s="15">
        <v>2023</v>
      </c>
      <c r="C33" s="12">
        <v>1127</v>
      </c>
      <c r="D33" s="9" t="s">
        <v>4</v>
      </c>
      <c r="E33" s="8" t="s">
        <v>9</v>
      </c>
      <c r="F33" s="10" t="s">
        <v>34</v>
      </c>
      <c r="G33" s="10" t="s">
        <v>35</v>
      </c>
    </row>
    <row r="34" spans="1:11" s="2" customFormat="1" ht="29" x14ac:dyDescent="0.35">
      <c r="A34" s="17" t="s">
        <v>110</v>
      </c>
      <c r="B34" s="15">
        <v>2023</v>
      </c>
      <c r="C34" s="12">
        <v>7648</v>
      </c>
      <c r="D34" s="9" t="s">
        <v>4</v>
      </c>
      <c r="E34" s="8" t="s">
        <v>21</v>
      </c>
      <c r="F34" s="10" t="s">
        <v>43</v>
      </c>
      <c r="G34" s="10" t="s">
        <v>44</v>
      </c>
      <c r="H34"/>
      <c r="I34"/>
      <c r="J34"/>
      <c r="K34"/>
    </row>
    <row r="35" spans="1:11" x14ac:dyDescent="0.35">
      <c r="A35" s="17" t="s">
        <v>111</v>
      </c>
      <c r="B35" s="15">
        <v>2023</v>
      </c>
      <c r="C35" s="12">
        <v>7649</v>
      </c>
      <c r="D35" s="9" t="s">
        <v>4</v>
      </c>
      <c r="E35" s="8" t="s">
        <v>41</v>
      </c>
      <c r="F35" s="10" t="s">
        <v>32</v>
      </c>
      <c r="G35" s="10" t="s">
        <v>42</v>
      </c>
    </row>
    <row r="36" spans="1:11" x14ac:dyDescent="0.35">
      <c r="A36" s="17" t="s">
        <v>112</v>
      </c>
      <c r="B36" s="15">
        <v>2023</v>
      </c>
      <c r="C36" s="12">
        <v>14243</v>
      </c>
      <c r="D36" s="9" t="s">
        <v>4</v>
      </c>
      <c r="E36" s="8" t="s">
        <v>103</v>
      </c>
      <c r="F36" s="10" t="s">
        <v>60</v>
      </c>
      <c r="G36" s="10" t="s">
        <v>104</v>
      </c>
    </row>
    <row r="37" spans="1:11" x14ac:dyDescent="0.35">
      <c r="A37" s="17" t="s">
        <v>113</v>
      </c>
      <c r="B37" s="15">
        <v>2023</v>
      </c>
      <c r="C37" s="12">
        <v>27390</v>
      </c>
      <c r="D37" s="9" t="s">
        <v>4</v>
      </c>
      <c r="E37" s="8" t="s">
        <v>180</v>
      </c>
      <c r="F37" s="10" t="s">
        <v>34</v>
      </c>
      <c r="G37" s="10" t="s">
        <v>67</v>
      </c>
    </row>
    <row r="38" spans="1:11" x14ac:dyDescent="0.35">
      <c r="A38" s="16" t="s">
        <v>114</v>
      </c>
      <c r="B38" s="15">
        <v>2023</v>
      </c>
      <c r="C38" s="12">
        <v>26229</v>
      </c>
      <c r="D38" s="9" t="s">
        <v>4</v>
      </c>
      <c r="E38" s="8" t="s">
        <v>94</v>
      </c>
      <c r="F38" s="10" t="s">
        <v>96</v>
      </c>
      <c r="G38" s="10" t="s">
        <v>95</v>
      </c>
    </row>
    <row r="39" spans="1:11" x14ac:dyDescent="0.35">
      <c r="A39" s="16" t="s">
        <v>116</v>
      </c>
      <c r="B39" s="15">
        <v>2023</v>
      </c>
      <c r="C39" s="12">
        <v>26553</v>
      </c>
      <c r="D39" s="9" t="s">
        <v>4</v>
      </c>
      <c r="E39" s="8" t="s">
        <v>90</v>
      </c>
      <c r="F39" s="10" t="s">
        <v>91</v>
      </c>
      <c r="G39" s="10" t="s">
        <v>92</v>
      </c>
      <c r="H39" s="3"/>
      <c r="I39" s="3"/>
      <c r="J39" s="3"/>
      <c r="K39" s="3"/>
    </row>
    <row r="40" spans="1:11" s="2" customFormat="1" x14ac:dyDescent="0.35">
      <c r="A40" s="16" t="s">
        <v>117</v>
      </c>
      <c r="B40" s="15">
        <v>2023</v>
      </c>
      <c r="C40" s="12">
        <v>6373</v>
      </c>
      <c r="D40" s="9" t="s">
        <v>108</v>
      </c>
      <c r="E40" s="8" t="s">
        <v>49</v>
      </c>
      <c r="F40" s="10" t="s">
        <v>34</v>
      </c>
      <c r="G40" s="10" t="s">
        <v>48</v>
      </c>
      <c r="H40"/>
      <c r="I40"/>
      <c r="J40"/>
      <c r="K40"/>
    </row>
    <row r="41" spans="1:11" x14ac:dyDescent="0.35">
      <c r="A41" s="16" t="s">
        <v>118</v>
      </c>
      <c r="B41" s="15">
        <v>2023</v>
      </c>
      <c r="C41" s="12">
        <v>21998</v>
      </c>
      <c r="D41" s="9" t="s">
        <v>8</v>
      </c>
      <c r="E41" s="8" t="s">
        <v>23</v>
      </c>
      <c r="F41" s="10" t="s">
        <v>36</v>
      </c>
      <c r="G41" s="10" t="s">
        <v>80</v>
      </c>
    </row>
    <row r="42" spans="1:11" x14ac:dyDescent="0.35">
      <c r="A42" s="16" t="s">
        <v>120</v>
      </c>
      <c r="B42" s="15">
        <v>2023</v>
      </c>
      <c r="C42" s="12">
        <v>27471</v>
      </c>
      <c r="D42" s="9" t="s">
        <v>8</v>
      </c>
      <c r="E42" s="8" t="s">
        <v>12</v>
      </c>
      <c r="F42" s="10" t="s">
        <v>55</v>
      </c>
      <c r="G42" s="10" t="s">
        <v>56</v>
      </c>
    </row>
    <row r="43" spans="1:11" x14ac:dyDescent="0.35">
      <c r="A43" s="16" t="s">
        <v>121</v>
      </c>
      <c r="B43" s="15">
        <v>2023</v>
      </c>
      <c r="C43" s="12">
        <v>25390</v>
      </c>
      <c r="D43" s="9" t="s">
        <v>8</v>
      </c>
      <c r="E43" s="8" t="s">
        <v>17</v>
      </c>
      <c r="F43" s="10" t="s">
        <v>50</v>
      </c>
      <c r="G43" s="10" t="s">
        <v>82</v>
      </c>
    </row>
    <row r="44" spans="1:11" x14ac:dyDescent="0.35">
      <c r="A44" s="16" t="s">
        <v>124</v>
      </c>
      <c r="B44" s="15">
        <v>2023</v>
      </c>
      <c r="C44" s="12">
        <v>12329</v>
      </c>
      <c r="D44" s="9" t="s">
        <v>174</v>
      </c>
      <c r="E44" s="8" t="s">
        <v>11</v>
      </c>
      <c r="F44" s="10" t="s">
        <v>31</v>
      </c>
      <c r="G44" s="10" t="s">
        <v>33</v>
      </c>
      <c r="I44" s="4"/>
    </row>
    <row r="45" spans="1:11" x14ac:dyDescent="0.35">
      <c r="A45" s="16" t="s">
        <v>115</v>
      </c>
      <c r="B45" s="15">
        <v>2022</v>
      </c>
      <c r="C45" s="12">
        <v>24299</v>
      </c>
      <c r="D45" s="9" t="s">
        <v>175</v>
      </c>
      <c r="E45" s="8" t="s">
        <v>97</v>
      </c>
      <c r="F45" s="10" t="s">
        <v>98</v>
      </c>
      <c r="G45" s="10" t="s">
        <v>99</v>
      </c>
    </row>
    <row r="46" spans="1:11" x14ac:dyDescent="0.35">
      <c r="A46" s="16" t="s">
        <v>125</v>
      </c>
      <c r="B46" s="15">
        <v>2023</v>
      </c>
      <c r="C46" s="12">
        <v>10853</v>
      </c>
      <c r="D46" s="9" t="s">
        <v>8</v>
      </c>
      <c r="E46" s="8" t="s">
        <v>172</v>
      </c>
      <c r="F46" s="10" t="s">
        <v>36</v>
      </c>
      <c r="G46" s="10" t="s">
        <v>37</v>
      </c>
    </row>
    <row r="47" spans="1:11" x14ac:dyDescent="0.35">
      <c r="A47" s="15" t="s">
        <v>119</v>
      </c>
      <c r="B47" s="15">
        <v>2023</v>
      </c>
      <c r="C47" s="12">
        <v>3993</v>
      </c>
      <c r="D47" s="9" t="s">
        <v>174</v>
      </c>
      <c r="E47" s="8" t="s">
        <v>17</v>
      </c>
      <c r="F47" s="10" t="s">
        <v>83</v>
      </c>
      <c r="G47" s="10" t="s">
        <v>84</v>
      </c>
    </row>
    <row r="48" spans="1:11" x14ac:dyDescent="0.35">
      <c r="A48" s="16" t="s">
        <v>123</v>
      </c>
      <c r="B48" s="15">
        <v>2022</v>
      </c>
      <c r="C48" s="12">
        <v>6688</v>
      </c>
      <c r="D48" s="9" t="s">
        <v>174</v>
      </c>
      <c r="E48" s="8" t="s">
        <v>85</v>
      </c>
      <c r="F48" s="10" t="s">
        <v>86</v>
      </c>
      <c r="G48" s="10" t="s">
        <v>87</v>
      </c>
    </row>
    <row r="49" spans="1:7" x14ac:dyDescent="0.35">
      <c r="A49" s="16" t="s">
        <v>122</v>
      </c>
      <c r="B49" s="15">
        <v>2023</v>
      </c>
      <c r="C49" s="12">
        <v>1628</v>
      </c>
      <c r="D49" s="9" t="s">
        <v>176</v>
      </c>
      <c r="E49" s="8" t="s">
        <v>15</v>
      </c>
      <c r="F49" s="10" t="s">
        <v>68</v>
      </c>
      <c r="G49" s="10" t="s">
        <v>64</v>
      </c>
    </row>
    <row r="50" spans="1:7" x14ac:dyDescent="0.35">
      <c r="B50" s="15"/>
      <c r="C50" s="12"/>
      <c r="D50" s="9"/>
      <c r="E50" s="10"/>
      <c r="F50" s="10"/>
      <c r="G50" s="10"/>
    </row>
  </sheetData>
  <autoFilter ref="A1:K49"/>
  <sortState ref="B2:H52">
    <sortCondition ref="D1"/>
  </sortState>
  <printOptions gridLines="1"/>
  <pageMargins left="0.25" right="0.25" top="0.75" bottom="0.75" header="0.3" footer="0.3"/>
  <pageSetup paperSize="9" orientation="landscape" r:id="rId1"/>
  <rowBreaks count="1" manualBreakCount="1">
    <brk id="24" max="16383" man="1"/>
  </rowBreak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"/>
  <sheetViews>
    <sheetView workbookViewId="0"/>
  </sheetViews>
  <sheetFormatPr defaultRowHeight="14.5" x14ac:dyDescent="0.35"/>
  <sheetData/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E586783-2700-4C39-BFBA-F026E6AE2620}">
  <ds:schemaRefs/>
</ds:datastoreItem>
</file>

<file path=customXml/itemProps2.xml><?xml version="1.0" encoding="utf-8"?>
<ds:datastoreItem xmlns:ds="http://schemas.openxmlformats.org/officeDocument/2006/customXml" ds:itemID="{1598018C-8F6A-4CD9-B24B-043B88BB164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Werkbladen</vt:lpstr>
      </vt:variant>
      <vt:variant>
        <vt:i4>2</vt:i4>
      </vt:variant>
      <vt:variant>
        <vt:lpstr>Benoemde bereiken</vt:lpstr>
      </vt:variant>
      <vt:variant>
        <vt:i4>2</vt:i4>
      </vt:variant>
    </vt:vector>
  </HeadingPairs>
  <TitlesOfParts>
    <vt:vector size="4" baseType="lpstr">
      <vt:lpstr>Sheet1</vt:lpstr>
      <vt:lpstr>Sheet2</vt:lpstr>
      <vt:lpstr>Sheet1!Afdrukbereik</vt:lpstr>
      <vt:lpstr>Sheet1!Afdruktitel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L. Oudijk</dc:creator>
  <cp:lastModifiedBy>L. Oudijk</cp:lastModifiedBy>
  <cp:lastPrinted>2024-05-02T08:15:21Z</cp:lastPrinted>
  <dcterms:created xsi:type="dcterms:W3CDTF">2023-11-20T10:48:17Z</dcterms:created>
  <dcterms:modified xsi:type="dcterms:W3CDTF">2024-05-06T11:25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8049558581124840</vt:lpwstr>
  </property>
  <property fmtid="{D5CDD505-2E9C-101B-9397-08002B2CF9AE}" pid="4" name="TemplafyUserProfileId">
    <vt:lpwstr>637743776903202585</vt:lpwstr>
  </property>
  <property fmtid="{D5CDD505-2E9C-101B-9397-08002B2CF9AE}" pid="5" name="TemplafyFromBlank">
    <vt:bool>true</vt:bool>
  </property>
</Properties>
</file>